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52" r:id="rId4"/>
    <p:sldId id="350" r:id="rId5"/>
    <p:sldId id="351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-672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4252581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20','_parent');" TargetMode="Externa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363224" y="1657093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formed Consent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2956416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at is informed consent?</a:t>
            </a:r>
          </a:p>
        </p:txBody>
      </p:sp>
      <p:pic>
        <p:nvPicPr>
          <p:cNvPr id="2" name="Picture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30936" y="514979"/>
            <a:ext cx="3436341" cy="1050046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2533338"/>
            <a:ext cx="7662656" cy="331725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e informed consent is the voluntary agreement of an individual that is aged 18 years and older based upon a clear appreciation and understanding of the facts and implications of an action, with no threat, coercion or false promis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26069" y="2998034"/>
            <a:ext cx="7638639" cy="2642696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ereas, the informed assent is the agreement used with children. The assent alone is not enough to take actions related to children. It should be obtained with the permission of a trusted adult.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30936" y="514979"/>
            <a:ext cx="3436341" cy="1050046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8486136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7" name="Rectangle 2">
            <a:extLst>
              <a:ext uri="{FF2B5EF4-FFF2-40B4-BE49-F238E27FC236}">
                <a16:creationId xmlns:a16="http://schemas.microsoft.com/office/drawing/2014/main" id="{DDC30525-99D7-7F8C-7744-D4DD321C622C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79913" y="1784350"/>
            <a:ext cx="12192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en-US"/>
          </a:p>
        </p:txBody>
      </p:sp>
      <p:graphicFrame>
        <p:nvGraphicFramePr>
          <p:cNvPr id="6" name="Table 5">
            <a:extLst>
              <a:ext uri="{FF2B5EF4-FFF2-40B4-BE49-F238E27FC236}">
                <a16:creationId xmlns:a16="http://schemas.microsoft.com/office/drawing/2014/main" id="{FA134B8D-70A4-B30B-22DE-0D8235DE10B0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669260406"/>
              </p:ext>
            </p:extLst>
          </p:nvPr>
        </p:nvGraphicFramePr>
        <p:xfrm>
          <a:off x="356393" y="514289"/>
          <a:ext cx="7921195" cy="6334274"/>
        </p:xfrm>
        <a:graphic>
          <a:graphicData uri="http://schemas.openxmlformats.org/drawingml/2006/table">
            <a:tbl>
              <a:tblPr>
                <a:tableStyleId>{5DA37D80-6434-44D0-A028-1B22A696006F}</a:tableStyleId>
              </a:tblPr>
              <a:tblGrid>
                <a:gridCol w="1148256">
                  <a:extLst>
                    <a:ext uri="{9D8B030D-6E8A-4147-A177-3AD203B41FA5}">
                      <a16:colId xmlns:a16="http://schemas.microsoft.com/office/drawing/2014/main" val="4269925770"/>
                    </a:ext>
                  </a:extLst>
                </a:gridCol>
                <a:gridCol w="1556603">
                  <a:extLst>
                    <a:ext uri="{9D8B030D-6E8A-4147-A177-3AD203B41FA5}">
                      <a16:colId xmlns:a16="http://schemas.microsoft.com/office/drawing/2014/main" val="1564092377"/>
                    </a:ext>
                  </a:extLst>
                </a:gridCol>
                <a:gridCol w="2381090">
                  <a:extLst>
                    <a:ext uri="{9D8B030D-6E8A-4147-A177-3AD203B41FA5}">
                      <a16:colId xmlns:a16="http://schemas.microsoft.com/office/drawing/2014/main" val="1992202926"/>
                    </a:ext>
                  </a:extLst>
                </a:gridCol>
                <a:gridCol w="2835246">
                  <a:extLst>
                    <a:ext uri="{9D8B030D-6E8A-4147-A177-3AD203B41FA5}">
                      <a16:colId xmlns:a16="http://schemas.microsoft.com/office/drawing/2014/main" val="827270213"/>
                    </a:ext>
                  </a:extLst>
                </a:gridCol>
              </a:tblGrid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Age Group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Child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Caregiver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If no caregiver or not in child’s best interes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45786703"/>
                  </a:ext>
                </a:extLst>
              </a:tr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0-5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- 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Written Informed Consen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Other trusted adult’s or case worker’s informed consent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38893710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6-11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Oral Informed Assen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  <a:p>
                      <a:pPr algn="ctr" fontAlgn="t"/>
                      <a:r>
                        <a:rPr lang="en-US" sz="3200" dirty="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/>
                      </a:r>
                      <a:br>
                        <a:rPr lang="en-US" sz="3200" dirty="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</a:b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Written Informed Consen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Other trusted adult’s or case worker’s informed consen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45449938"/>
                  </a:ext>
                </a:extLst>
              </a:tr>
              <a:tr h="1493126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12-14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Written Informed Assent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Written Informed Consen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Other trusted adult’s or child’s informed assent. 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Sufficient level of maturity (of the child) can take due weight.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35322404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15-18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/>
                      </a:r>
                      <a:br>
                        <a:rPr lang="en-US" sz="320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</a:b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Written Informed Consent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/>
                      </a:r>
                      <a:br>
                        <a:rPr lang="en-US" sz="320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</a:b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Obtain informed consent with child’s permission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Child’s informed consent and sufficient level of maturity take due weight.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6992414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informed_consent"/>
  <p:tag name="ISPRING_PRESENTATION_TITLE" val="informed_consent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REEN_RECS_UPDATED" val="C:\Users\hp\Desktop\Projects\Nabad\Nabad\psea\en\lessons\informed_consent\"/>
  <p:tag name="ISPRING_RESOURCE_FOLDER" val="C:\Users\hp\Desktop\Projects\Nabad\Nabad\psea\en\lessons\informed_consent\"/>
  <p:tag name="ISPRING_PRESENTATION_PATH" val="C:\Users\hp\Desktop\Projects\Nabad\Nabad\psea\en\lessons\informed_consent.pptx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D7925828-C021-4BBE-8C03-A9B3F32AC294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9174</TotalTime>
  <Words>171</Words>
  <Application>Microsoft Office PowerPoint</Application>
  <PresentationFormat>Widescreen</PresentationFormat>
  <Paragraphs>34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0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nformed_consent</dc:title>
  <dc:creator>pc</dc:creator>
  <cp:lastModifiedBy>Maher</cp:lastModifiedBy>
  <cp:revision>758</cp:revision>
  <dcterms:created xsi:type="dcterms:W3CDTF">2022-11-16T16:05:09Z</dcterms:created>
  <dcterms:modified xsi:type="dcterms:W3CDTF">2024-09-23T08:56:16Z</dcterms:modified>
</cp:coreProperties>
</file>